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/>
  <mc:AlternateContent xmlns:mc="http://schemas.openxmlformats.org/markup-compatibility/2006">
    <mc:Choice Requires="x15">
      <x15ac:absPath xmlns:x15ac="http://schemas.microsoft.com/office/spreadsheetml/2010/11/ac" url="C:\Users\i1033005\Desktop\job bigdata\shop\"/>
    </mc:Choice>
  </mc:AlternateContent>
  <xr:revisionPtr revIDLastSave="0" documentId="13_ncr:1_{1E7E9C0D-3D1B-4F3C-81B8-7AB57DCD7484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Sheet 1 - ผู้ขาย" sheetId="1" r:id="rId1"/>
  </sheets>
  <calcPr calcId="0"/>
</workbook>
</file>

<file path=xl/sharedStrings.xml><?xml version="1.0" encoding="utf-8"?>
<sst xmlns="http://schemas.openxmlformats.org/spreadsheetml/2006/main" count="88" uniqueCount="72">
  <si>
    <t>ผู้ขาย</t>
  </si>
  <si>
    <t>ชื่อผู้ขาย</t>
  </si>
  <si>
    <t>ประเภทผู้ขาย</t>
  </si>
  <si>
    <t>ชื่อผู้ติดต่อ</t>
  </si>
  <si>
    <t>ที่อยู่</t>
  </si>
  <si>
    <t>รหัสไปรษณีย์</t>
  </si>
  <si>
    <t>จังหวัด</t>
  </si>
  <si>
    <t>เบอร์โทรศัพท์</t>
  </si>
  <si>
    <t>Line ID</t>
  </si>
  <si>
    <t>Face Book</t>
  </si>
  <si>
    <t>E-Mail</t>
  </si>
  <si>
    <t>Web Site</t>
  </si>
  <si>
    <t>ชุมชน, ร้านค้า, บริษัท</t>
  </si>
  <si>
    <t>ชุมชน</t>
  </si>
  <si>
    <t xml:space="preserve">วิสาหกิจชุมชนกลุ่มแม่บ้านเกษตรกรบ้านคืมมะอุ-สวนหม่อน </t>
  </si>
  <si>
    <t>บริษัท ไทยสมาร์ทไลฟ์ จำกัด</t>
  </si>
  <si>
    <t>บริษัท</t>
  </si>
  <si>
    <t>กลุ่มกัลทลี หัตถกรรมกาบกล้วย</t>
  </si>
  <si>
    <t>กลุ่มแปรรูปผลิตภัณฑ์ผ้าพื้นเมืองศรีวิชัย</t>
  </si>
  <si>
    <t xml:space="preserve">บริษัท ประชารัฐรักสามัคคีสระบุรี (วิสาหกิจเพื่อสังคม) จำกัด </t>
  </si>
  <si>
    <t>บริษัท ไพรทิพ แบรนด์ จำกัด</t>
  </si>
  <si>
    <t xml:space="preserve">บริษัท ซิกริโน่กรุ๊ป จำกัด </t>
  </si>
  <si>
    <t xml:space="preserve">กลุ่มแม่บ้านประมงพื้นบ้านบูดี </t>
  </si>
  <si>
    <t>88/1 ม. 4 ตำบลคลองใหม่ อำเภอสามพราน จังหวัดนครปฐม 73110</t>
  </si>
  <si>
    <t>140/1 หมู่ที่4 ตำบลสามง่าม อำเภอดอนตูม จังหวัดนครปฐม</t>
  </si>
  <si>
    <t>061-668-9428</t>
  </si>
  <si>
    <t>062-197-4656</t>
  </si>
  <si>
    <t>094-003-6227</t>
  </si>
  <si>
    <t>086-287-3882</t>
  </si>
  <si>
    <t xml:space="preserve">062-158-8628 093-424-0669 </t>
  </si>
  <si>
    <t>085-123-7365</t>
  </si>
  <si>
    <t>092-092-8363 090-140-5205</t>
  </si>
  <si>
    <t>087-677-7477</t>
  </si>
  <si>
    <t xml:space="preserve">091-168-9777 062-107-3766 </t>
  </si>
  <si>
    <t>นครราชสีมา</t>
  </si>
  <si>
    <t>นครปฐม</t>
  </si>
  <si>
    <t>katlee</t>
  </si>
  <si>
    <t>062 -158 - 8628</t>
  </si>
  <si>
    <t>@pritipbrand</t>
  </si>
  <si>
    <t>Mariam Festival Snack</t>
  </si>
  <si>
    <t>ผ้าฝ้ายใบทอง แม่แถมศรีวิชัย</t>
  </si>
  <si>
    <t>Playlin Banana Chips</t>
  </si>
  <si>
    <t>pritipbrand</t>
  </si>
  <si>
    <t>TomajoThailand</t>
  </si>
  <si>
    <t>foodroup@thanlux.com</t>
  </si>
  <si>
    <t>mariamocean712@gmail.com</t>
  </si>
  <si>
    <t>pafaiibaithong@gmail.com</t>
  </si>
  <si>
    <t>plearnplaylin@gmail.com</t>
  </si>
  <si>
    <t>pritipbrand@gmail.com , sanamchanotop@yahoo.com</t>
  </si>
  <si>
    <t>tomajothailand@gmail.com</t>
  </si>
  <si>
    <t>www.exten.pn.psu.ac.th</t>
  </si>
  <si>
    <t>http://mariamoceanproducts001.lnwshop.com</t>
  </si>
  <si>
    <t>http://plearn-banana.com</t>
  </si>
  <si>
    <t>https://www.pritipbrand.com/</t>
  </si>
  <si>
    <t>http://www.tomajothailand.com</t>
  </si>
  <si>
    <t>บริษัท วสช.กลุ่มผลไม้สดและผลผลิตแปรรูปบ้านดอนทอง จำกัด</t>
  </si>
  <si>
    <t>ยโสธร</t>
  </si>
  <si>
    <t>ปัตตานี</t>
  </si>
  <si>
    <t>บึงกาฬ</t>
  </si>
  <si>
    <t>สระบุรี</t>
  </si>
  <si>
    <t>นางสาวนุชนารถ พรหมชัยนันท์</t>
  </si>
  <si>
    <t>62/1 หมู่ที่ 3 ตำบลหนองหว้า อำเภอกิ่งอำเภอบัวลาย จังหวัดนครราชสีมา</t>
  </si>
  <si>
    <t>นายจักรภัทร กรธนทรัพย์</t>
  </si>
  <si>
    <t xml:space="preserve">322 หมู่ 9 ตำบลเขื่องขำ อำเภอเมือง จังหวัดยโสธร </t>
  </si>
  <si>
    <t>นางสาวดรุณี แวยามา</t>
  </si>
  <si>
    <t xml:space="preserve">10/1 หมู่ที่ 2 ตำบลบางนา อำเภอเมืองปัตตานี จังหวัดปัตตานี		 </t>
  </si>
  <si>
    <t>บริษัท มาเรียมโอเชี่ยน โปรดักส์ จำกัด (สำนักงานใหญ่)</t>
  </si>
  <si>
    <t xml:space="preserve">72 หมู่1 ตำบลแหลมโพธิ์ อำเภอยะหริ่ง จังหวัดปัตตานี </t>
  </si>
  <si>
    <t xml:space="preserve">110 ม.6 ต.ป่าแฝก อ.พรเจริญ จ.บึงกาฬ	</t>
  </si>
  <si>
    <t>นายอัศวิน ไขรัศมี</t>
  </si>
  <si>
    <t xml:space="preserve">สำนักงานใหญ่ 139/4 หมู่ที่ 1 ตำบลพุแค อำเภอเฉลิมพระเกียรติ จังหวัดสระบุรี </t>
  </si>
  <si>
    <t>2/9 หมู่ 2 ตำบลหนองปักโลง อำเภอเมือง จังหวัดนครปฐ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>
    <font>
      <sz val="10"/>
      <color indexed="8"/>
      <name val="Helvetica Neue"/>
    </font>
    <font>
      <b/>
      <sz val="10"/>
      <color indexed="8"/>
      <name val="Helvetica Neue"/>
    </font>
    <font>
      <sz val="11"/>
      <color theme="1" tint="0.14993743705557422"/>
      <name val="Helvetica Neue"/>
      <family val="2"/>
      <scheme val="minor"/>
    </font>
    <font>
      <sz val="10"/>
      <name val="Helvetica Neue"/>
      <scheme val="major"/>
    </font>
    <font>
      <sz val="10"/>
      <color theme="1" tint="0.14993743705557422"/>
      <name val="Helvetica Neue"/>
      <scheme val="minor"/>
    </font>
  </fonts>
  <fills count="7">
    <fill>
      <patternFill patternType="none"/>
    </fill>
    <fill>
      <patternFill patternType="gray125"/>
    </fill>
    <fill>
      <patternFill patternType="solid">
        <fgColor indexed="9"/>
        <bgColor auto="1"/>
      </patternFill>
    </fill>
    <fill>
      <patternFill patternType="solid">
        <fgColor indexed="12"/>
        <bgColor auto="1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10"/>
      </left>
      <right/>
      <top style="thin">
        <color indexed="10"/>
      </top>
      <bottom style="thin">
        <color indexed="11"/>
      </bottom>
      <diagonal/>
    </border>
    <border>
      <left/>
      <right/>
      <top style="thin">
        <color indexed="10"/>
      </top>
      <bottom style="thin">
        <color indexed="11"/>
      </bottom>
      <diagonal/>
    </border>
    <border>
      <left/>
      <right style="thin">
        <color indexed="10"/>
      </right>
      <top style="thin">
        <color indexed="10"/>
      </top>
      <bottom style="thin">
        <color indexed="11"/>
      </bottom>
      <diagonal/>
    </border>
    <border>
      <left style="thin">
        <color indexed="11"/>
      </left>
      <right style="thin">
        <color indexed="11"/>
      </right>
      <top style="thin">
        <color indexed="11"/>
      </top>
      <bottom style="thin">
        <color indexed="11"/>
      </bottom>
      <diagonal/>
    </border>
    <border>
      <left style="thin">
        <color indexed="13"/>
      </left>
      <right style="thin">
        <color indexed="13"/>
      </right>
      <top style="thin">
        <color indexed="11"/>
      </top>
      <bottom style="thin">
        <color indexed="13"/>
      </bottom>
      <diagonal/>
    </border>
    <border>
      <left style="thin">
        <color indexed="13"/>
      </left>
      <right style="thin">
        <color indexed="13"/>
      </right>
      <top style="thin">
        <color indexed="13"/>
      </top>
      <bottom style="thin">
        <color indexed="13"/>
      </bottom>
      <diagonal/>
    </border>
    <border>
      <left style="thin">
        <color rgb="FF1A99B2"/>
      </left>
      <right style="thin">
        <color rgb="FF1A99B2"/>
      </right>
      <top style="thin">
        <color rgb="FF1A99B2"/>
      </top>
      <bottom style="thin">
        <color rgb="FF1A99B2"/>
      </bottom>
      <diagonal/>
    </border>
    <border>
      <left style="thin">
        <color theme="4"/>
      </left>
      <right/>
      <top style="thin">
        <color theme="4"/>
      </top>
      <bottom/>
      <diagonal/>
    </border>
    <border>
      <left style="thin">
        <color theme="4"/>
      </left>
      <right style="thin">
        <color theme="4"/>
      </right>
      <top style="thin">
        <color theme="4"/>
      </top>
      <bottom/>
      <diagonal/>
    </border>
  </borders>
  <cellStyleXfs count="2">
    <xf numFmtId="0" fontId="0" fillId="0" borderId="0" applyNumberFormat="0" applyFill="0" applyBorder="0" applyProtection="0">
      <alignment vertical="top" wrapText="1"/>
    </xf>
    <xf numFmtId="0" fontId="2" fillId="0" borderId="0" applyNumberFormat="0" applyFill="0" applyBorder="0" applyAlignment="0" applyProtection="0"/>
  </cellStyleXfs>
  <cellXfs count="21">
    <xf numFmtId="0" fontId="0" fillId="0" borderId="0" xfId="0" applyFont="1" applyAlignment="1">
      <alignment vertical="top" wrapText="1"/>
    </xf>
    <xf numFmtId="0" fontId="0" fillId="0" borderId="0" xfId="0" applyNumberFormat="1" applyFont="1" applyAlignment="1">
      <alignment vertical="top" wrapText="1"/>
    </xf>
    <xf numFmtId="49" fontId="1" fillId="3" borderId="4" xfId="0" applyNumberFormat="1" applyFont="1" applyFill="1" applyBorder="1" applyAlignment="1">
      <alignment horizontal="center" vertical="top" wrapText="1"/>
    </xf>
    <xf numFmtId="49" fontId="0" fillId="3" borderId="4" xfId="0" applyNumberFormat="1" applyFont="1" applyFill="1" applyBorder="1" applyAlignment="1">
      <alignment horizontal="center" vertical="top" wrapText="1"/>
    </xf>
    <xf numFmtId="49" fontId="0" fillId="2" borderId="5" xfId="0" applyNumberFormat="1" applyFont="1" applyFill="1" applyBorder="1" applyAlignment="1">
      <alignment vertical="top" wrapText="1"/>
    </xf>
    <xf numFmtId="49" fontId="0" fillId="2" borderId="6" xfId="0" applyNumberFormat="1" applyFont="1" applyFill="1" applyBorder="1" applyAlignment="1">
      <alignment vertical="top" wrapText="1"/>
    </xf>
    <xf numFmtId="0" fontId="3" fillId="4" borderId="7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/>
    </xf>
    <xf numFmtId="0" fontId="3" fillId="6" borderId="8" xfId="0" applyNumberFormat="1" applyFont="1" applyFill="1" applyBorder="1" applyAlignment="1">
      <alignment vertical="center" wrapText="1"/>
    </xf>
    <xf numFmtId="0" fontId="3" fillId="6" borderId="9" xfId="0" applyNumberFormat="1" applyFont="1" applyFill="1" applyBorder="1" applyAlignment="1">
      <alignment vertical="center"/>
    </xf>
    <xf numFmtId="0" fontId="3" fillId="4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/>
    </xf>
    <xf numFmtId="0" fontId="3" fillId="5" borderId="8" xfId="0" applyNumberFormat="1" applyFont="1" applyFill="1" applyBorder="1" applyAlignment="1">
      <alignment vertical="center" wrapText="1"/>
    </xf>
    <xf numFmtId="0" fontId="4" fillId="5" borderId="8" xfId="1" applyNumberFormat="1" applyFont="1" applyFill="1" applyBorder="1" applyAlignment="1">
      <alignment vertical="center"/>
    </xf>
    <xf numFmtId="0" fontId="4" fillId="5" borderId="9" xfId="1" applyNumberFormat="1" applyFont="1" applyFill="1" applyBorder="1" applyAlignment="1">
      <alignment vertical="center"/>
    </xf>
    <xf numFmtId="0" fontId="3" fillId="5" borderId="9" xfId="0" applyNumberFormat="1" applyFont="1" applyFill="1" applyBorder="1" applyAlignment="1">
      <alignment vertical="center"/>
    </xf>
    <xf numFmtId="49" fontId="0" fillId="2" borderId="1" xfId="0" applyNumberFormat="1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49" fontId="1" fillId="3" borderId="4" xfId="0" applyNumberFormat="1" applyFont="1" applyFill="1" applyBorder="1" applyAlignment="1">
      <alignment horizontal="center" vertical="top" wrapText="1"/>
    </xf>
    <xf numFmtId="0" fontId="1" fillId="3" borderId="4" xfId="0" applyFont="1" applyFill="1" applyBorder="1" applyAlignment="1">
      <alignment vertical="top" wrapText="1"/>
    </xf>
  </cellXfs>
  <cellStyles count="2">
    <cellStyle name="Hyperlink" xfId="1" builtinId="8"/>
    <cellStyle name="Normal" xfId="0" builtinId="0"/>
  </cellStyles>
  <dxfs count="0"/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515151"/>
      <rgbColor rgb="FFBDC0BF"/>
      <rgbColor rgb="FFA5A5A5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Blank">
  <a:themeElements>
    <a:clrScheme name="Blank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0A2FF"/>
      </a:accent1>
      <a:accent2>
        <a:srgbClr val="16E7CF"/>
      </a:accent2>
      <a:accent3>
        <a:srgbClr val="61D836"/>
      </a:accent3>
      <a:accent4>
        <a:srgbClr val="FAE232"/>
      </a:accent4>
      <a:accent5>
        <a:srgbClr val="FF644E"/>
      </a:accent5>
      <a:accent6>
        <a:srgbClr val="EF5FA7"/>
      </a:accent6>
      <a:hlink>
        <a:srgbClr val="0000FF"/>
      </a:hlink>
      <a:folHlink>
        <a:srgbClr val="FF00FF"/>
      </a:folHlink>
    </a:clrScheme>
    <a:fontScheme name="Blank">
      <a:majorFont>
        <a:latin typeface="Helvetica Neue"/>
        <a:ea typeface="Helvetica Neue"/>
        <a:cs typeface="Helvetica Neue"/>
      </a:majorFont>
      <a:minorFont>
        <a:latin typeface="Helvetica Neue"/>
        <a:ea typeface="Helvetica Neue"/>
        <a:cs typeface="Helvetica Neue"/>
      </a:minorFont>
    </a:fontScheme>
    <a:fmtScheme name="Blan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50800" tIns="50800" rIns="50800" bIns="50800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5"/>
  <sheetViews>
    <sheetView showGridLines="0" tabSelected="1" zoomScale="60" zoomScaleNormal="60" workbookViewId="0">
      <selection activeCell="A5" sqref="A5"/>
    </sheetView>
  </sheetViews>
  <sheetFormatPr defaultColWidth="16.36328125" defaultRowHeight="19.899999999999999" customHeight="1"/>
  <cols>
    <col min="1" max="1" width="58.81640625" style="1" bestFit="1" customWidth="1"/>
    <col min="2" max="2" width="20.36328125" style="1" bestFit="1" customWidth="1"/>
    <col min="3" max="3" width="29.453125" style="1" bestFit="1" customWidth="1"/>
    <col min="4" max="4" width="5.36328125" style="1" bestFit="1" customWidth="1"/>
    <col min="5" max="5" width="14.26953125" style="1" bestFit="1" customWidth="1"/>
    <col min="6" max="6" width="9.81640625" style="1" bestFit="1" customWidth="1"/>
    <col min="7" max="8" width="34.6328125" style="1" bestFit="1" customWidth="1"/>
    <col min="9" max="9" width="12" style="1" bestFit="1" customWidth="1"/>
    <col min="10" max="10" width="7.54296875" style="1" bestFit="1" customWidth="1"/>
    <col min="11" max="11" width="10.26953125" style="1" bestFit="1" customWidth="1"/>
    <col min="12" max="12" width="16.36328125" style="1" customWidth="1"/>
    <col min="13" max="16384" width="16.36328125" style="1"/>
  </cols>
  <sheetData>
    <row r="1" spans="1:11" ht="30.15" customHeight="1">
      <c r="A1" s="16" t="s">
        <v>0</v>
      </c>
      <c r="B1" s="17"/>
      <c r="C1" s="17"/>
      <c r="D1" s="17"/>
      <c r="E1" s="17"/>
      <c r="F1" s="17"/>
      <c r="G1" s="17"/>
      <c r="H1" s="17"/>
      <c r="I1" s="17"/>
      <c r="J1" s="17"/>
      <c r="K1" s="18"/>
    </row>
    <row r="2" spans="1:11" ht="22.25" customHeight="1">
      <c r="A2" s="19" t="s">
        <v>1</v>
      </c>
      <c r="B2" s="2" t="s">
        <v>2</v>
      </c>
      <c r="C2" s="19" t="s">
        <v>3</v>
      </c>
      <c r="D2" s="19" t="s">
        <v>4</v>
      </c>
      <c r="E2" s="19" t="s">
        <v>5</v>
      </c>
      <c r="F2" s="19" t="s">
        <v>6</v>
      </c>
      <c r="G2" s="19" t="s">
        <v>7</v>
      </c>
      <c r="H2" s="19" t="s">
        <v>8</v>
      </c>
      <c r="I2" s="19" t="s">
        <v>9</v>
      </c>
      <c r="J2" s="19" t="s">
        <v>10</v>
      </c>
      <c r="K2" s="19" t="s">
        <v>11</v>
      </c>
    </row>
    <row r="3" spans="1:11" ht="22.4" customHeight="1">
      <c r="A3" s="20"/>
      <c r="B3" s="3" t="s">
        <v>12</v>
      </c>
      <c r="C3" s="20"/>
      <c r="D3" s="20"/>
      <c r="E3" s="20"/>
      <c r="F3" s="20"/>
      <c r="G3" s="20"/>
      <c r="H3" s="20"/>
      <c r="I3" s="20"/>
      <c r="J3" s="20"/>
      <c r="K3" s="20"/>
    </row>
    <row r="4" spans="1:11" ht="22" customHeight="1">
      <c r="A4" s="6" t="s">
        <v>14</v>
      </c>
      <c r="B4" s="4" t="s">
        <v>13</v>
      </c>
      <c r="C4" s="7" t="s">
        <v>60</v>
      </c>
      <c r="D4" s="8" t="s">
        <v>61</v>
      </c>
      <c r="E4" s="7">
        <v>30120</v>
      </c>
      <c r="F4" s="8" t="s">
        <v>34</v>
      </c>
      <c r="G4" s="7" t="s">
        <v>25</v>
      </c>
      <c r="H4" s="7" t="s">
        <v>25</v>
      </c>
      <c r="I4" s="7"/>
      <c r="J4" s="7"/>
      <c r="K4" s="9"/>
    </row>
    <row r="5" spans="1:11" ht="20" customHeight="1">
      <c r="A5" s="10" t="s">
        <v>15</v>
      </c>
      <c r="B5" s="5" t="s">
        <v>16</v>
      </c>
      <c r="C5" s="11" t="s">
        <v>62</v>
      </c>
      <c r="D5" s="12" t="s">
        <v>63</v>
      </c>
      <c r="E5" s="11">
        <v>35000</v>
      </c>
      <c r="F5" s="12" t="s">
        <v>56</v>
      </c>
      <c r="G5" s="11" t="s">
        <v>26</v>
      </c>
      <c r="H5" s="11" t="s">
        <v>26</v>
      </c>
      <c r="I5" s="11"/>
      <c r="J5" s="13" t="s">
        <v>44</v>
      </c>
      <c r="K5" s="14"/>
    </row>
    <row r="6" spans="1:11" ht="20" customHeight="1">
      <c r="A6" s="10" t="s">
        <v>17</v>
      </c>
      <c r="B6" s="4" t="s">
        <v>13</v>
      </c>
      <c r="C6" s="11" t="s">
        <v>64</v>
      </c>
      <c r="D6" s="11" t="s">
        <v>65</v>
      </c>
      <c r="E6" s="11">
        <v>94000</v>
      </c>
      <c r="F6" s="11" t="s">
        <v>57</v>
      </c>
      <c r="G6" s="11" t="s">
        <v>27</v>
      </c>
      <c r="H6" s="11" t="s">
        <v>36</v>
      </c>
      <c r="I6" s="11"/>
      <c r="J6" s="11"/>
      <c r="K6" s="14" t="s">
        <v>50</v>
      </c>
    </row>
    <row r="7" spans="1:11" ht="20" customHeight="1">
      <c r="A7" s="11" t="s">
        <v>66</v>
      </c>
      <c r="B7" s="5" t="s">
        <v>16</v>
      </c>
      <c r="C7" s="11" t="s">
        <v>22</v>
      </c>
      <c r="D7" s="11" t="s">
        <v>67</v>
      </c>
      <c r="E7" s="11">
        <v>94150</v>
      </c>
      <c r="F7" s="11" t="s">
        <v>57</v>
      </c>
      <c r="G7" s="11" t="s">
        <v>28</v>
      </c>
      <c r="H7" s="11" t="s">
        <v>28</v>
      </c>
      <c r="I7" s="11" t="s">
        <v>39</v>
      </c>
      <c r="J7" s="11" t="s">
        <v>45</v>
      </c>
      <c r="K7" s="15" t="s">
        <v>51</v>
      </c>
    </row>
    <row r="8" spans="1:11" ht="20" customHeight="1">
      <c r="A8" s="7" t="s">
        <v>18</v>
      </c>
      <c r="B8" s="4" t="s">
        <v>13</v>
      </c>
      <c r="C8" s="11"/>
      <c r="D8" s="11" t="s">
        <v>68</v>
      </c>
      <c r="E8" s="11">
        <v>38180</v>
      </c>
      <c r="F8" s="11" t="s">
        <v>58</v>
      </c>
      <c r="G8" s="12" t="s">
        <v>29</v>
      </c>
      <c r="H8" s="11" t="s">
        <v>37</v>
      </c>
      <c r="I8" s="11" t="s">
        <v>40</v>
      </c>
      <c r="J8" s="11" t="s">
        <v>46</v>
      </c>
      <c r="K8" s="15"/>
    </row>
    <row r="9" spans="1:11" ht="20" customHeight="1">
      <c r="A9" s="7" t="s">
        <v>19</v>
      </c>
      <c r="B9" s="5" t="s">
        <v>16</v>
      </c>
      <c r="C9" s="11" t="s">
        <v>69</v>
      </c>
      <c r="D9" s="11" t="s">
        <v>70</v>
      </c>
      <c r="E9" s="11">
        <v>18240</v>
      </c>
      <c r="F9" s="11" t="s">
        <v>59</v>
      </c>
      <c r="G9" s="11" t="s">
        <v>30</v>
      </c>
      <c r="H9" s="11" t="s">
        <v>30</v>
      </c>
      <c r="I9" s="11"/>
      <c r="J9" s="11"/>
      <c r="K9" s="15"/>
    </row>
    <row r="10" spans="1:11" ht="20" customHeight="1">
      <c r="A10" s="7" t="s">
        <v>55</v>
      </c>
      <c r="B10" s="5" t="s">
        <v>16</v>
      </c>
      <c r="C10" s="11"/>
      <c r="D10" s="11" t="s">
        <v>23</v>
      </c>
      <c r="E10" s="11">
        <v>73110</v>
      </c>
      <c r="F10" s="11" t="s">
        <v>35</v>
      </c>
      <c r="G10" s="12" t="s">
        <v>31</v>
      </c>
      <c r="H10" s="12" t="s">
        <v>31</v>
      </c>
      <c r="I10" s="11" t="s">
        <v>41</v>
      </c>
      <c r="J10" s="11" t="s">
        <v>47</v>
      </c>
      <c r="K10" s="15" t="s">
        <v>52</v>
      </c>
    </row>
    <row r="11" spans="1:11" ht="20" customHeight="1">
      <c r="A11" s="7" t="s">
        <v>20</v>
      </c>
      <c r="B11" s="5" t="s">
        <v>16</v>
      </c>
      <c r="C11" s="11"/>
      <c r="D11" s="11" t="s">
        <v>71</v>
      </c>
      <c r="E11" s="11">
        <v>73000</v>
      </c>
      <c r="F11" s="11" t="s">
        <v>35</v>
      </c>
      <c r="G11" s="11" t="s">
        <v>32</v>
      </c>
      <c r="H11" s="11" t="s">
        <v>38</v>
      </c>
      <c r="I11" s="11" t="s">
        <v>42</v>
      </c>
      <c r="J11" s="12" t="s">
        <v>48</v>
      </c>
      <c r="K11" s="15" t="s">
        <v>53</v>
      </c>
    </row>
    <row r="12" spans="1:11" ht="20" customHeight="1">
      <c r="A12" s="7" t="s">
        <v>21</v>
      </c>
      <c r="B12" s="5" t="s">
        <v>16</v>
      </c>
      <c r="C12" s="11"/>
      <c r="D12" s="11" t="s">
        <v>24</v>
      </c>
      <c r="E12" s="11">
        <v>73150</v>
      </c>
      <c r="F12" s="11" t="s">
        <v>35</v>
      </c>
      <c r="G12" s="12" t="s">
        <v>33</v>
      </c>
      <c r="H12" s="12" t="s">
        <v>33</v>
      </c>
      <c r="I12" s="11" t="s">
        <v>43</v>
      </c>
      <c r="J12" s="11" t="s">
        <v>49</v>
      </c>
      <c r="K12" s="15" t="s">
        <v>54</v>
      </c>
    </row>
    <row r="13" spans="1:11" ht="20" customHeight="1">
      <c r="A13" s="5"/>
      <c r="B13" s="5"/>
      <c r="C13" s="5"/>
      <c r="D13" s="5"/>
      <c r="E13" s="5"/>
      <c r="F13" s="5"/>
      <c r="G13" s="5"/>
      <c r="H13" s="5"/>
      <c r="I13" s="5"/>
      <c r="J13" s="5"/>
      <c r="K13" s="5"/>
    </row>
    <row r="14" spans="1:11" ht="20" customHeight="1">
      <c r="A14" s="5"/>
      <c r="B14" s="5"/>
      <c r="C14" s="5"/>
      <c r="D14" s="5"/>
      <c r="E14" s="5"/>
      <c r="F14" s="5"/>
      <c r="G14" s="5"/>
      <c r="H14" s="5"/>
      <c r="I14" s="5"/>
      <c r="J14" s="5"/>
      <c r="K14" s="5"/>
    </row>
    <row r="15" spans="1:11" ht="20" customHeight="1">
      <c r="A15" s="5"/>
      <c r="B15" s="5"/>
      <c r="C15" s="5"/>
      <c r="D15" s="5"/>
      <c r="E15" s="5"/>
      <c r="F15" s="5"/>
      <c r="G15" s="5"/>
      <c r="H15" s="5"/>
      <c r="I15" s="5"/>
      <c r="J15" s="5"/>
      <c r="K15" s="5"/>
    </row>
  </sheetData>
  <mergeCells count="11">
    <mergeCell ref="A1:K1"/>
    <mergeCell ref="A2:A3"/>
    <mergeCell ref="C2:C3"/>
    <mergeCell ref="D2:D3"/>
    <mergeCell ref="E2:E3"/>
    <mergeCell ref="F2:F3"/>
    <mergeCell ref="G2:G3"/>
    <mergeCell ref="H2:H3"/>
    <mergeCell ref="I2:I3"/>
    <mergeCell ref="J2:J3"/>
    <mergeCell ref="K2:K3"/>
  </mergeCells>
  <pageMargins left="0.5" right="0.5" top="0.75" bottom="0.75" header="0.27777800000000002" footer="0.27777800000000002"/>
  <pageSetup scale="48" orientation="landscape" r:id="rId1"/>
  <headerFooter>
    <oddFooter>&amp;C&amp;"Helvetica Neue,Regular"&amp;12&amp;K000000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 - ผู้ขาย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Polpat Jariyanont</cp:lastModifiedBy>
  <cp:lastPrinted>2020-08-17T03:05:49Z</cp:lastPrinted>
  <dcterms:created xsi:type="dcterms:W3CDTF">2020-08-17T03:42:00Z</dcterms:created>
  <dcterms:modified xsi:type="dcterms:W3CDTF">2020-09-08T07:30:22Z</dcterms:modified>
</cp:coreProperties>
</file>